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7-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7-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andsmee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8DA62285-EAF5-629A-D3DF-8A245702A26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39715" y="5013326"/>
            <a:ext cx="2168570" cy="16557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5507A77-08BD-DE97-8C0C-55A6837FFCB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5944" y="3954121"/>
            <a:ext cx="1758084" cy="134234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5-27T11:55:32Z</dcterms:modified>
</cp:coreProperties>
</file>